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726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B5DC4719-AA1B-4437-A9B5-422EC6A4D9F4}" xr6:coauthVersionLast="47" xr6:coauthVersionMax="47" xr10:uidLastSave="{00000000-0000-0000-0000-000000000000}"/>
  <bookViews>
    <workbookView xWindow="2085" yWindow="360" windowWidth="27360" windowHeight="15600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calcChain.xml><?xml version="1.0" encoding="utf-8"?>
<calcChain xmlns="http://schemas.openxmlformats.org/spreadsheetml/2006/main">
  <c r="D75" i="1" l="1"/>
  <c r="D74" i="1"/>
  <c r="D73" i="1"/>
  <c r="D72" i="1"/>
  <c r="D71" i="1"/>
  <c r="D70" i="1"/>
  <c r="D69" i="1"/>
  <c r="D68" i="1"/>
  <c r="D67" i="1"/>
  <c r="D66" i="1"/>
  <c r="D65" i="1"/>
  <c r="D64" i="1"/>
  <c r="D63" i="1"/>
  <c r="D62" i="1"/>
  <c r="D61" i="1"/>
  <c r="D60" i="1"/>
  <c r="D59" i="1"/>
  <c r="D58" i="1"/>
  <c r="D57" i="1"/>
  <c r="D56" i="1"/>
  <c r="D55" i="1"/>
  <c r="D54" i="1"/>
  <c r="D53" i="1"/>
  <c r="D52" i="1"/>
  <c r="D51" i="1"/>
  <c r="D50" i="1"/>
  <c r="D49" i="1"/>
  <c r="D48" i="1"/>
  <c r="D47" i="1"/>
  <c r="D46" i="1"/>
  <c r="D45" i="1"/>
  <c r="D44" i="1"/>
  <c r="D43" i="1"/>
  <c r="D42" i="1"/>
  <c r="D41" i="1"/>
  <c r="D40" i="1"/>
  <c r="D39" i="1"/>
  <c r="D38" i="1"/>
  <c r="D37" i="1"/>
  <c r="D36" i="1"/>
  <c r="D35" i="1"/>
  <c r="D34" i="1"/>
  <c r="D33" i="1"/>
  <c r="D32" i="1"/>
  <c r="D31" i="1"/>
  <c r="D30" i="1"/>
  <c r="D29" i="1"/>
  <c r="D28" i="1"/>
  <c r="D27" i="1"/>
  <c r="D26" i="1"/>
  <c r="D25" i="1"/>
  <c r="D24" i="1"/>
  <c r="D23" i="1"/>
  <c r="D22" i="1"/>
  <c r="D21" i="1"/>
  <c r="D20" i="1"/>
  <c r="D19" i="1"/>
  <c r="D18" i="1"/>
  <c r="D17" i="1"/>
  <c r="D16" i="1"/>
  <c r="D15" i="1"/>
  <c r="D14" i="1"/>
  <c r="D13" i="1"/>
  <c r="D12" i="1"/>
  <c r="D11" i="1"/>
  <c r="D10" i="1"/>
  <c r="D9" i="1"/>
  <c r="D8" i="1"/>
  <c r="D7" i="1"/>
  <c r="D6" i="1"/>
  <c r="D5" i="1"/>
  <c r="D4" i="1"/>
  <c r="D3" i="1"/>
  <c r="D2" i="1"/>
</calcChain>
</file>

<file path=xl/sharedStrings.xml><?xml version="1.0" encoding="utf-8"?>
<sst xmlns="http://schemas.openxmlformats.org/spreadsheetml/2006/main" count="4" uniqueCount="4">
  <si>
    <t>DisplayYearQuarter</t>
  </si>
  <si>
    <t>Completions</t>
  </si>
  <si>
    <t>Net Absorption</t>
  </si>
  <si>
    <t>4 Quarter Trailing Net Absorptio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43" formatCode="_(* #,##0.00_);_(* \(#,##0.00\);_(* &quot;-&quot;??_);_(@_)"/>
    <numFmt numFmtId="164" formatCode="_(* #,##0_);_(* \(#,##0\);_(* &quot;-&quot;??_);_(@_)"/>
  </numFmts>
  <fonts count="4" x14ac:knownFonts="1">
    <font>
      <sz val="11"/>
      <color theme="1"/>
      <name val="Calibre"/>
      <family val="2"/>
      <scheme val="minor"/>
    </font>
    <font>
      <sz val="11"/>
      <color theme="1"/>
      <name val="Calibre"/>
      <family val="2"/>
      <scheme val="minor"/>
    </font>
    <font>
      <b/>
      <sz val="8"/>
      <color theme="1"/>
      <name val="Arial"/>
      <family val="2"/>
    </font>
    <font>
      <sz val="8"/>
      <color theme="1"/>
      <name val="Arial"/>
      <family val="2"/>
    </font>
  </fonts>
  <fills count="3">
    <fill>
      <patternFill patternType="none"/>
    </fill>
    <fill>
      <patternFill patternType="gray125"/>
    </fill>
    <fill>
      <patternFill patternType="solid">
        <fgColor rgb="FFFFFF00"/>
        <bgColor indexed="64"/>
      </patternFill>
    </fill>
  </fills>
  <borders count="9">
    <border>
      <left/>
      <right/>
      <top/>
      <bottom/>
      <diagonal/>
    </border>
    <border>
      <left/>
      <right/>
      <top/>
      <bottom style="thick">
        <color auto="1"/>
      </bottom>
      <diagonal/>
    </border>
    <border>
      <left/>
      <right/>
      <top style="thick">
        <color auto="1"/>
      </top>
      <bottom/>
      <diagonal/>
    </border>
    <border>
      <left style="thick">
        <color auto="1"/>
      </left>
      <right style="thick">
        <color auto="1"/>
      </right>
      <top style="thick">
        <color auto="1"/>
      </top>
      <bottom/>
      <diagonal/>
    </border>
    <border>
      <left style="thick">
        <color auto="1"/>
      </left>
      <right/>
      <top style="thick">
        <color auto="1"/>
      </top>
      <bottom/>
      <diagonal/>
    </border>
    <border>
      <left style="thick">
        <color auto="1"/>
      </left>
      <right style="thick">
        <color auto="1"/>
      </right>
      <top/>
      <bottom/>
      <diagonal/>
    </border>
    <border>
      <left style="thick">
        <color auto="1"/>
      </left>
      <right/>
      <top/>
      <bottom/>
      <diagonal/>
    </border>
    <border>
      <left style="thick">
        <color auto="1"/>
      </left>
      <right style="thick">
        <color auto="1"/>
      </right>
      <top/>
      <bottom style="thick">
        <color auto="1"/>
      </bottom>
      <diagonal/>
    </border>
    <border>
      <left style="thick">
        <color auto="1"/>
      </left>
      <right/>
      <top/>
      <bottom style="thick">
        <color auto="1"/>
      </bottom>
      <diagonal/>
    </border>
  </borders>
  <cellStyleXfs count="2">
    <xf numFmtId="0" fontId="0" fillId="0" borderId="0"/>
    <xf numFmtId="43" fontId="1" fillId="0" borderId="0" applyFont="0" applyFill="0" applyBorder="0" applyAlignment="0" applyProtection="0"/>
  </cellStyleXfs>
  <cellXfs count="13">
    <xf numFmtId="0" fontId="0" fillId="0" borderId="0" xfId="0"/>
    <xf numFmtId="0" fontId="2" fillId="0" borderId="1" xfId="0" applyFont="1" applyBorder="1" applyAlignment="1">
      <alignment horizontal="center"/>
    </xf>
    <xf numFmtId="0" fontId="3" fillId="2" borderId="2" xfId="0" applyFont="1" applyFill="1" applyBorder="1" applyAlignment="1">
      <alignment horizontal="left"/>
    </xf>
    <xf numFmtId="0" fontId="3" fillId="2" borderId="3" xfId="0" applyFont="1" applyFill="1" applyBorder="1" applyAlignment="1">
      <alignment horizontal="center"/>
    </xf>
    <xf numFmtId="0" fontId="3" fillId="2" borderId="4" xfId="0" applyFont="1" applyFill="1" applyBorder="1" applyAlignment="1">
      <alignment horizontal="center"/>
    </xf>
    <xf numFmtId="0" fontId="3" fillId="2" borderId="0" xfId="0" applyFont="1" applyFill="1" applyAlignment="1">
      <alignment horizontal="left"/>
    </xf>
    <xf numFmtId="0" fontId="3" fillId="2" borderId="5" xfId="0" applyFont="1" applyFill="1" applyBorder="1" applyAlignment="1">
      <alignment horizontal="center"/>
    </xf>
    <xf numFmtId="0" fontId="3" fillId="2" borderId="6" xfId="0" applyFont="1" applyFill="1" applyBorder="1" applyAlignment="1">
      <alignment horizontal="center"/>
    </xf>
    <xf numFmtId="0" fontId="3" fillId="2" borderId="1" xfId="0" applyFont="1" applyFill="1" applyBorder="1" applyAlignment="1">
      <alignment horizontal="left"/>
    </xf>
    <xf numFmtId="0" fontId="3" fillId="2" borderId="7" xfId="0" applyFont="1" applyFill="1" applyBorder="1" applyAlignment="1">
      <alignment horizontal="center"/>
    </xf>
    <xf numFmtId="0" fontId="3" fillId="2" borderId="8" xfId="0" applyFont="1" applyFill="1" applyBorder="1" applyAlignment="1">
      <alignment horizontal="center"/>
    </xf>
    <xf numFmtId="164" fontId="3" fillId="2" borderId="3" xfId="1" applyNumberFormat="1" applyFont="1" applyFill="1" applyBorder="1" applyAlignment="1">
      <alignment horizontal="center"/>
    </xf>
    <xf numFmtId="164" fontId="3" fillId="2" borderId="5" xfId="1" applyNumberFormat="1" applyFont="1" applyFill="1" applyBorder="1" applyAlignment="1">
      <alignment horizontal="center"/>
    </xf>
  </cellXfs>
  <cellStyles count="2">
    <cellStyle name="Comma" xfId="1" builtinId="3"/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1:D75"/>
  <sheetViews>
    <sheetView tabSelected="1" workbookViewId="0">
      <selection activeCell="I33" sqref="I33"/>
    </sheetView>
  </sheetViews>
  <sheetFormatPr defaultRowHeight="14.25" x14ac:dyDescent="0.2"/>
  <cols>
    <col min="1" max="1" width="16.25" customWidth="1"/>
    <col min="2" max="2" width="20" customWidth="1"/>
    <col min="3" max="3" width="15.875" customWidth="1"/>
    <col min="4" max="4" width="27.375" customWidth="1"/>
    <col min="5" max="5" width="15.875" customWidth="1"/>
  </cols>
  <sheetData>
    <row r="1" spans="1:4" ht="15" thickBot="1" x14ac:dyDescent="0.25">
      <c r="A1" s="1" t="s">
        <v>0</v>
      </c>
      <c r="B1" s="1" t="s">
        <v>1</v>
      </c>
      <c r="C1" s="1" t="s">
        <v>2</v>
      </c>
      <c r="D1" s="1" t="s">
        <v>3</v>
      </c>
    </row>
    <row r="2" spans="1:4" ht="15" thickTop="1" x14ac:dyDescent="0.2">
      <c r="A2" s="2">
        <v>2006.1</v>
      </c>
      <c r="B2" s="3">
        <v>15430</v>
      </c>
      <c r="C2" s="3">
        <v>19968</v>
      </c>
      <c r="D2" s="4">
        <f>AVERAGE(C2:C2)</f>
        <v>19968</v>
      </c>
    </row>
    <row r="3" spans="1:4" x14ac:dyDescent="0.2">
      <c r="A3" s="5">
        <v>2006.2</v>
      </c>
      <c r="B3" s="6">
        <v>13285</v>
      </c>
      <c r="C3" s="6">
        <v>24046</v>
      </c>
      <c r="D3" s="7">
        <f>AVERAGE(C2:C3)</f>
        <v>22007</v>
      </c>
    </row>
    <row r="4" spans="1:4" x14ac:dyDescent="0.2">
      <c r="A4" s="5">
        <v>2006.3</v>
      </c>
      <c r="B4" s="6">
        <v>15068</v>
      </c>
      <c r="C4" s="6">
        <v>21991</v>
      </c>
      <c r="D4" s="7">
        <f>AVERAGE(C2:C4)</f>
        <v>22001.666666666668</v>
      </c>
    </row>
    <row r="5" spans="1:4" x14ac:dyDescent="0.2">
      <c r="A5" s="5">
        <v>2006.4</v>
      </c>
      <c r="B5" s="6">
        <v>12648</v>
      </c>
      <c r="C5" s="6">
        <v>21542</v>
      </c>
      <c r="D5" s="7">
        <f t="shared" ref="D5:D44" si="0">AVERAGE(C2:C5)</f>
        <v>21886.75</v>
      </c>
    </row>
    <row r="6" spans="1:4" x14ac:dyDescent="0.2">
      <c r="A6" s="5">
        <v>2007.1</v>
      </c>
      <c r="B6" s="6">
        <v>14860</v>
      </c>
      <c r="C6" s="6">
        <v>7995</v>
      </c>
      <c r="D6" s="7">
        <f t="shared" si="0"/>
        <v>18893.5</v>
      </c>
    </row>
    <row r="7" spans="1:4" x14ac:dyDescent="0.2">
      <c r="A7" s="5">
        <v>2007.2</v>
      </c>
      <c r="B7" s="6">
        <v>16243</v>
      </c>
      <c r="C7" s="6">
        <v>23425</v>
      </c>
      <c r="D7" s="7">
        <f t="shared" si="0"/>
        <v>18738.25</v>
      </c>
    </row>
    <row r="8" spans="1:4" x14ac:dyDescent="0.2">
      <c r="A8" s="5">
        <v>2007.3</v>
      </c>
      <c r="B8" s="6">
        <v>16602</v>
      </c>
      <c r="C8" s="6">
        <v>11794</v>
      </c>
      <c r="D8" s="7">
        <f t="shared" si="0"/>
        <v>16189</v>
      </c>
    </row>
    <row r="9" spans="1:4" x14ac:dyDescent="0.2">
      <c r="A9" s="5">
        <v>2007.4</v>
      </c>
      <c r="B9" s="6">
        <v>17049</v>
      </c>
      <c r="C9" s="6">
        <v>10442</v>
      </c>
      <c r="D9" s="7">
        <f t="shared" si="0"/>
        <v>13414</v>
      </c>
    </row>
    <row r="10" spans="1:4" x14ac:dyDescent="0.2">
      <c r="A10" s="5">
        <v>2008.1</v>
      </c>
      <c r="B10" s="6">
        <v>21814</v>
      </c>
      <c r="C10" s="6">
        <v>8555</v>
      </c>
      <c r="D10" s="7">
        <f t="shared" si="0"/>
        <v>13554</v>
      </c>
    </row>
    <row r="11" spans="1:4" x14ac:dyDescent="0.2">
      <c r="A11" s="5">
        <v>2008.2</v>
      </c>
      <c r="B11" s="6">
        <v>17949</v>
      </c>
      <c r="C11" s="6">
        <v>3499</v>
      </c>
      <c r="D11" s="7">
        <f t="shared" si="0"/>
        <v>8572.5</v>
      </c>
    </row>
    <row r="12" spans="1:4" x14ac:dyDescent="0.2">
      <c r="A12" s="5">
        <v>2008.3</v>
      </c>
      <c r="B12" s="6">
        <v>18842</v>
      </c>
      <c r="C12" s="6">
        <v>5271</v>
      </c>
      <c r="D12" s="7">
        <f t="shared" si="0"/>
        <v>6941.75</v>
      </c>
    </row>
    <row r="13" spans="1:4" x14ac:dyDescent="0.2">
      <c r="A13" s="5">
        <v>2008.4</v>
      </c>
      <c r="B13" s="6">
        <v>20430</v>
      </c>
      <c r="C13" s="6">
        <v>-2699</v>
      </c>
      <c r="D13" s="7">
        <f t="shared" si="0"/>
        <v>3656.5</v>
      </c>
    </row>
    <row r="14" spans="1:4" x14ac:dyDescent="0.2">
      <c r="A14" s="5">
        <v>2009.1</v>
      </c>
      <c r="B14" s="6">
        <v>12671</v>
      </c>
      <c r="C14" s="6">
        <v>-18730</v>
      </c>
      <c r="D14" s="7">
        <f t="shared" si="0"/>
        <v>-3164.75</v>
      </c>
    </row>
    <row r="15" spans="1:4" x14ac:dyDescent="0.2">
      <c r="A15" s="5">
        <v>2009.2</v>
      </c>
      <c r="B15" s="6">
        <v>13752</v>
      </c>
      <c r="C15" s="6">
        <v>-20045</v>
      </c>
      <c r="D15" s="7">
        <f t="shared" si="0"/>
        <v>-9050.75</v>
      </c>
    </row>
    <row r="16" spans="1:4" x14ac:dyDescent="0.2">
      <c r="A16" s="5">
        <v>2009.3</v>
      </c>
      <c r="B16" s="6">
        <v>14091</v>
      </c>
      <c r="C16" s="6">
        <v>-7090</v>
      </c>
      <c r="D16" s="7">
        <f t="shared" si="0"/>
        <v>-12141</v>
      </c>
    </row>
    <row r="17" spans="1:4" ht="15" thickBot="1" x14ac:dyDescent="0.25">
      <c r="A17" s="8">
        <v>2009.4</v>
      </c>
      <c r="B17" s="9">
        <v>13479</v>
      </c>
      <c r="C17" s="9">
        <v>3035</v>
      </c>
      <c r="D17" s="10">
        <f t="shared" si="0"/>
        <v>-10707.5</v>
      </c>
    </row>
    <row r="18" spans="1:4" ht="15" thickTop="1" x14ac:dyDescent="0.2">
      <c r="A18" s="5">
        <v>2010.1</v>
      </c>
      <c r="B18" s="6">
        <v>8066</v>
      </c>
      <c r="C18" s="6">
        <v>-2515</v>
      </c>
      <c r="D18" s="7">
        <f t="shared" si="0"/>
        <v>-6653.75</v>
      </c>
    </row>
    <row r="19" spans="1:4" x14ac:dyDescent="0.2">
      <c r="A19" s="5">
        <v>2010.2</v>
      </c>
      <c r="B19" s="6">
        <v>6129</v>
      </c>
      <c r="C19" s="6">
        <v>5415</v>
      </c>
      <c r="D19" s="7">
        <f t="shared" si="0"/>
        <v>-288.75</v>
      </c>
    </row>
    <row r="20" spans="1:4" x14ac:dyDescent="0.2">
      <c r="A20" s="5">
        <v>2010.3</v>
      </c>
      <c r="B20" s="6">
        <v>4064</v>
      </c>
      <c r="C20" s="6">
        <v>8714</v>
      </c>
      <c r="D20" s="7">
        <f t="shared" si="0"/>
        <v>3662.25</v>
      </c>
    </row>
    <row r="21" spans="1:4" x14ac:dyDescent="0.2">
      <c r="A21" s="5">
        <v>2010.4</v>
      </c>
      <c r="B21" s="6">
        <v>3750</v>
      </c>
      <c r="C21" s="6">
        <v>11954</v>
      </c>
      <c r="D21" s="7">
        <f t="shared" si="0"/>
        <v>5892</v>
      </c>
    </row>
    <row r="22" spans="1:4" x14ac:dyDescent="0.2">
      <c r="A22" s="5">
        <v>2011.1</v>
      </c>
      <c r="B22" s="6">
        <v>5358</v>
      </c>
      <c r="C22" s="6">
        <v>5267</v>
      </c>
      <c r="D22" s="7">
        <f t="shared" si="0"/>
        <v>7837.5</v>
      </c>
    </row>
    <row r="23" spans="1:4" x14ac:dyDescent="0.2">
      <c r="A23" s="5">
        <v>2011.2</v>
      </c>
      <c r="B23" s="6">
        <v>2394</v>
      </c>
      <c r="C23" s="6">
        <v>10507</v>
      </c>
      <c r="D23" s="7">
        <f t="shared" si="0"/>
        <v>9110.5</v>
      </c>
    </row>
    <row r="24" spans="1:4" x14ac:dyDescent="0.2">
      <c r="A24" s="5">
        <v>2011.3</v>
      </c>
      <c r="B24" s="6">
        <v>2612</v>
      </c>
      <c r="C24" s="6">
        <v>4013</v>
      </c>
      <c r="D24" s="7">
        <f t="shared" si="0"/>
        <v>7935.25</v>
      </c>
    </row>
    <row r="25" spans="1:4" x14ac:dyDescent="0.2">
      <c r="A25" s="5">
        <v>2011.4</v>
      </c>
      <c r="B25" s="6">
        <v>1466</v>
      </c>
      <c r="C25" s="6">
        <v>9055</v>
      </c>
      <c r="D25" s="7">
        <f t="shared" si="0"/>
        <v>7210.5</v>
      </c>
    </row>
    <row r="26" spans="1:4" x14ac:dyDescent="0.2">
      <c r="A26" s="5">
        <v>2012.1</v>
      </c>
      <c r="B26" s="6">
        <v>2508</v>
      </c>
      <c r="C26" s="6">
        <v>-228</v>
      </c>
      <c r="D26" s="7">
        <f t="shared" si="0"/>
        <v>5836.75</v>
      </c>
    </row>
    <row r="27" spans="1:4" x14ac:dyDescent="0.2">
      <c r="A27" s="5">
        <v>2012.2</v>
      </c>
      <c r="B27" s="6">
        <v>3129</v>
      </c>
      <c r="C27" s="6">
        <v>13604</v>
      </c>
      <c r="D27" s="7">
        <f t="shared" si="0"/>
        <v>6611</v>
      </c>
    </row>
    <row r="28" spans="1:4" x14ac:dyDescent="0.2">
      <c r="A28" s="5">
        <v>2012.3</v>
      </c>
      <c r="B28" s="6">
        <v>2457</v>
      </c>
      <c r="C28" s="6">
        <v>8556</v>
      </c>
      <c r="D28" s="7">
        <f t="shared" si="0"/>
        <v>7746.75</v>
      </c>
    </row>
    <row r="29" spans="1:4" x14ac:dyDescent="0.2">
      <c r="A29" s="5">
        <v>2012.4</v>
      </c>
      <c r="B29" s="6">
        <v>4222</v>
      </c>
      <c r="C29" s="6">
        <v>9257</v>
      </c>
      <c r="D29" s="7">
        <f t="shared" si="0"/>
        <v>7797.25</v>
      </c>
    </row>
    <row r="30" spans="1:4" x14ac:dyDescent="0.2">
      <c r="A30" s="5">
        <v>2013.1</v>
      </c>
      <c r="B30" s="6">
        <v>2288</v>
      </c>
      <c r="C30" s="6">
        <v>3881</v>
      </c>
      <c r="D30" s="7">
        <f t="shared" si="0"/>
        <v>8824.5</v>
      </c>
    </row>
    <row r="31" spans="1:4" x14ac:dyDescent="0.2">
      <c r="A31" s="5">
        <v>2013.2</v>
      </c>
      <c r="B31" s="6">
        <v>4627</v>
      </c>
      <c r="C31" s="6">
        <v>11083</v>
      </c>
      <c r="D31" s="7">
        <f t="shared" si="0"/>
        <v>8194.25</v>
      </c>
    </row>
    <row r="32" spans="1:4" x14ac:dyDescent="0.2">
      <c r="A32" s="5">
        <v>2013.3</v>
      </c>
      <c r="B32" s="6">
        <v>5131</v>
      </c>
      <c r="C32" s="6">
        <v>8815</v>
      </c>
      <c r="D32" s="7">
        <f t="shared" si="0"/>
        <v>8259</v>
      </c>
    </row>
    <row r="33" spans="1:4" x14ac:dyDescent="0.2">
      <c r="A33" s="5">
        <v>2013.4</v>
      </c>
      <c r="B33" s="6">
        <v>8079</v>
      </c>
      <c r="C33" s="6">
        <v>14489</v>
      </c>
      <c r="D33" s="7">
        <f t="shared" si="0"/>
        <v>9567</v>
      </c>
    </row>
    <row r="34" spans="1:4" x14ac:dyDescent="0.2">
      <c r="A34" s="5">
        <v>2014.1</v>
      </c>
      <c r="B34" s="6">
        <v>5522</v>
      </c>
      <c r="C34" s="6">
        <v>7486</v>
      </c>
      <c r="D34" s="7">
        <f t="shared" si="0"/>
        <v>10468.25</v>
      </c>
    </row>
    <row r="35" spans="1:4" x14ac:dyDescent="0.2">
      <c r="A35" s="5">
        <v>2014.2</v>
      </c>
      <c r="B35" s="6">
        <v>5118</v>
      </c>
      <c r="C35" s="6">
        <v>16564</v>
      </c>
      <c r="D35" s="7">
        <f t="shared" si="0"/>
        <v>11838.5</v>
      </c>
    </row>
    <row r="36" spans="1:4" x14ac:dyDescent="0.2">
      <c r="A36" s="5">
        <v>2014.3</v>
      </c>
      <c r="B36" s="6">
        <v>6311</v>
      </c>
      <c r="C36" s="6">
        <v>17222</v>
      </c>
      <c r="D36" s="7">
        <f t="shared" si="0"/>
        <v>13940.25</v>
      </c>
    </row>
    <row r="37" spans="1:4" x14ac:dyDescent="0.2">
      <c r="A37" s="5">
        <v>2014.4</v>
      </c>
      <c r="B37" s="6">
        <v>8363</v>
      </c>
      <c r="C37" s="6">
        <v>15748</v>
      </c>
      <c r="D37" s="7">
        <f t="shared" si="0"/>
        <v>14255</v>
      </c>
    </row>
    <row r="38" spans="1:4" x14ac:dyDescent="0.2">
      <c r="A38" s="5">
        <v>2015.1</v>
      </c>
      <c r="B38" s="6">
        <v>8590</v>
      </c>
      <c r="C38" s="6">
        <v>10543</v>
      </c>
      <c r="D38" s="7">
        <f t="shared" si="0"/>
        <v>15019.25</v>
      </c>
    </row>
    <row r="39" spans="1:4" x14ac:dyDescent="0.2">
      <c r="A39" s="5">
        <v>2015.2</v>
      </c>
      <c r="B39" s="6">
        <v>8340</v>
      </c>
      <c r="C39" s="6">
        <v>21525</v>
      </c>
      <c r="D39" s="7">
        <f t="shared" si="0"/>
        <v>16259.5</v>
      </c>
    </row>
    <row r="40" spans="1:4" x14ac:dyDescent="0.2">
      <c r="A40" s="5">
        <v>2015.3</v>
      </c>
      <c r="B40" s="6">
        <v>11197</v>
      </c>
      <c r="C40" s="6">
        <v>13180</v>
      </c>
      <c r="D40" s="7">
        <f t="shared" si="0"/>
        <v>15249</v>
      </c>
    </row>
    <row r="41" spans="1:4" x14ac:dyDescent="0.2">
      <c r="A41" s="5">
        <v>2015.4</v>
      </c>
      <c r="B41" s="6">
        <v>13523</v>
      </c>
      <c r="C41" s="6">
        <v>19998</v>
      </c>
      <c r="D41" s="7">
        <f t="shared" si="0"/>
        <v>16311.5</v>
      </c>
    </row>
    <row r="42" spans="1:4" x14ac:dyDescent="0.2">
      <c r="A42" s="5">
        <v>2016.1</v>
      </c>
      <c r="B42" s="6">
        <v>11463</v>
      </c>
      <c r="C42" s="6">
        <v>11948</v>
      </c>
      <c r="D42" s="7">
        <f t="shared" si="0"/>
        <v>16662.75</v>
      </c>
    </row>
    <row r="43" spans="1:4" x14ac:dyDescent="0.2">
      <c r="A43" s="5">
        <v>2016.2</v>
      </c>
      <c r="B43" s="6">
        <v>8315</v>
      </c>
      <c r="C43" s="6">
        <v>11246</v>
      </c>
      <c r="D43" s="7">
        <f t="shared" si="0"/>
        <v>14093</v>
      </c>
    </row>
    <row r="44" spans="1:4" x14ac:dyDescent="0.2">
      <c r="A44" s="5">
        <v>2016.3</v>
      </c>
      <c r="B44" s="6">
        <v>11902</v>
      </c>
      <c r="C44" s="6">
        <v>10065</v>
      </c>
      <c r="D44" s="7">
        <f t="shared" si="0"/>
        <v>13314.25</v>
      </c>
    </row>
    <row r="45" spans="1:4" x14ac:dyDescent="0.2">
      <c r="A45" s="5">
        <v>2016.4</v>
      </c>
      <c r="B45" s="6">
        <v>12547</v>
      </c>
      <c r="C45" s="6">
        <v>14741</v>
      </c>
      <c r="D45" s="7">
        <f t="shared" ref="D45:D76" si="1">AVERAGE(C42:C45)</f>
        <v>12000</v>
      </c>
    </row>
    <row r="46" spans="1:4" x14ac:dyDescent="0.2">
      <c r="A46" s="5">
        <v>2017.1</v>
      </c>
      <c r="B46" s="6">
        <v>12751</v>
      </c>
      <c r="C46" s="6">
        <v>6925</v>
      </c>
      <c r="D46" s="7">
        <f t="shared" si="1"/>
        <v>10744.25</v>
      </c>
    </row>
    <row r="47" spans="1:4" x14ac:dyDescent="0.2">
      <c r="A47" s="5">
        <v>2017.2</v>
      </c>
      <c r="B47" s="6">
        <v>9901</v>
      </c>
      <c r="C47" s="6">
        <v>5874</v>
      </c>
      <c r="D47" s="7">
        <f t="shared" si="1"/>
        <v>9401.25</v>
      </c>
    </row>
    <row r="48" spans="1:4" x14ac:dyDescent="0.2">
      <c r="A48" s="5">
        <v>2017.3</v>
      </c>
      <c r="B48" s="6">
        <v>12909</v>
      </c>
      <c r="C48" s="6">
        <v>15199</v>
      </c>
      <c r="D48" s="7">
        <f t="shared" si="1"/>
        <v>10684.75</v>
      </c>
    </row>
    <row r="49" spans="1:4" x14ac:dyDescent="0.2">
      <c r="A49" s="5">
        <v>2017.4</v>
      </c>
      <c r="B49" s="6">
        <v>13031</v>
      </c>
      <c r="C49" s="6">
        <v>9005</v>
      </c>
      <c r="D49" s="7">
        <f t="shared" si="1"/>
        <v>9250.75</v>
      </c>
    </row>
    <row r="50" spans="1:4" x14ac:dyDescent="0.2">
      <c r="A50" s="5">
        <v>2018.1</v>
      </c>
      <c r="B50" s="6">
        <v>14720</v>
      </c>
      <c r="C50" s="6">
        <v>9925</v>
      </c>
      <c r="D50" s="7">
        <f t="shared" si="1"/>
        <v>10000.75</v>
      </c>
    </row>
    <row r="51" spans="1:4" x14ac:dyDescent="0.2">
      <c r="A51" s="5">
        <v>2018.2</v>
      </c>
      <c r="B51" s="6">
        <v>12679</v>
      </c>
      <c r="C51" s="6">
        <v>15999</v>
      </c>
      <c r="D51" s="7">
        <f t="shared" si="1"/>
        <v>12532</v>
      </c>
    </row>
    <row r="52" spans="1:4" x14ac:dyDescent="0.2">
      <c r="A52" s="5">
        <v>2018.3</v>
      </c>
      <c r="B52" s="6">
        <v>10108</v>
      </c>
      <c r="C52" s="6">
        <v>17814</v>
      </c>
      <c r="D52" s="7">
        <f t="shared" si="1"/>
        <v>13185.75</v>
      </c>
    </row>
    <row r="53" spans="1:4" x14ac:dyDescent="0.2">
      <c r="A53" s="5">
        <v>2018.4</v>
      </c>
      <c r="B53" s="6">
        <v>13325</v>
      </c>
      <c r="C53" s="6">
        <v>18796</v>
      </c>
      <c r="D53" s="7">
        <f t="shared" si="1"/>
        <v>15633.5</v>
      </c>
    </row>
    <row r="54" spans="1:4" x14ac:dyDescent="0.2">
      <c r="A54" s="5">
        <v>2019.1</v>
      </c>
      <c r="B54" s="6">
        <v>14043</v>
      </c>
      <c r="C54" s="6">
        <v>15168</v>
      </c>
      <c r="D54" s="7">
        <f t="shared" si="1"/>
        <v>16944.25</v>
      </c>
    </row>
    <row r="55" spans="1:4" x14ac:dyDescent="0.2">
      <c r="A55" s="5">
        <v>2019.2</v>
      </c>
      <c r="B55" s="6">
        <v>16188</v>
      </c>
      <c r="C55" s="6">
        <v>18811</v>
      </c>
      <c r="D55" s="7">
        <f t="shared" si="1"/>
        <v>17647.25</v>
      </c>
    </row>
    <row r="56" spans="1:4" x14ac:dyDescent="0.2">
      <c r="A56" s="5">
        <v>2019.3</v>
      </c>
      <c r="B56" s="6">
        <v>10008</v>
      </c>
      <c r="C56" s="6">
        <v>15304</v>
      </c>
      <c r="D56" s="7">
        <f t="shared" si="1"/>
        <v>17019.75</v>
      </c>
    </row>
    <row r="57" spans="1:4" ht="15" thickBot="1" x14ac:dyDescent="0.25">
      <c r="A57" s="5">
        <v>2019.4</v>
      </c>
      <c r="B57" s="6">
        <v>18170</v>
      </c>
      <c r="C57" s="6">
        <v>14046</v>
      </c>
      <c r="D57" s="7">
        <f t="shared" si="1"/>
        <v>15832.25</v>
      </c>
    </row>
    <row r="58" spans="1:4" ht="15" thickTop="1" x14ac:dyDescent="0.2">
      <c r="A58" s="2">
        <v>2020.1</v>
      </c>
      <c r="B58" s="3">
        <v>14765</v>
      </c>
      <c r="C58" s="11">
        <v>6864</v>
      </c>
      <c r="D58" s="4">
        <f t="shared" si="1"/>
        <v>13756.25</v>
      </c>
    </row>
    <row r="59" spans="1:4" x14ac:dyDescent="0.2">
      <c r="A59" s="5">
        <v>2020.2</v>
      </c>
      <c r="B59" s="6">
        <v>9358</v>
      </c>
      <c r="C59" s="12">
        <v>-21837</v>
      </c>
      <c r="D59" s="7">
        <f t="shared" si="1"/>
        <v>3594.25</v>
      </c>
    </row>
    <row r="60" spans="1:4" x14ac:dyDescent="0.2">
      <c r="A60" s="5">
        <v>2020.3</v>
      </c>
      <c r="B60" s="6">
        <v>12885</v>
      </c>
      <c r="C60" s="12">
        <v>-29562</v>
      </c>
      <c r="D60" s="7">
        <f t="shared" si="1"/>
        <v>-7622.25</v>
      </c>
    </row>
    <row r="61" spans="1:4" x14ac:dyDescent="0.2">
      <c r="A61" s="5">
        <v>2020.4</v>
      </c>
      <c r="B61" s="6">
        <v>10201</v>
      </c>
      <c r="C61" s="12">
        <v>-27028</v>
      </c>
      <c r="D61" s="7">
        <f t="shared" si="1"/>
        <v>-17890.75</v>
      </c>
    </row>
    <row r="62" spans="1:4" x14ac:dyDescent="0.2">
      <c r="A62" s="5">
        <v>2021.1</v>
      </c>
      <c r="B62" s="6">
        <v>10217</v>
      </c>
      <c r="C62" s="12">
        <v>-33078</v>
      </c>
      <c r="D62" s="7">
        <f t="shared" si="1"/>
        <v>-27876.25</v>
      </c>
    </row>
    <row r="63" spans="1:4" x14ac:dyDescent="0.2">
      <c r="A63" s="5">
        <v>2021.2</v>
      </c>
      <c r="B63" s="6">
        <v>14800</v>
      </c>
      <c r="C63" s="12">
        <v>-7373</v>
      </c>
      <c r="D63" s="7">
        <f t="shared" si="1"/>
        <v>-24260.25</v>
      </c>
    </row>
    <row r="64" spans="1:4" x14ac:dyDescent="0.2">
      <c r="A64" s="5">
        <v>2021.3</v>
      </c>
      <c r="B64" s="6">
        <v>13026</v>
      </c>
      <c r="C64" s="12">
        <v>-3864</v>
      </c>
      <c r="D64" s="7">
        <f t="shared" si="1"/>
        <v>-17835.75</v>
      </c>
    </row>
    <row r="65" spans="1:4" x14ac:dyDescent="0.2">
      <c r="A65" s="5">
        <v>2021.4</v>
      </c>
      <c r="B65" s="6">
        <v>15051</v>
      </c>
      <c r="C65" s="12">
        <v>22504</v>
      </c>
      <c r="D65" s="7">
        <f t="shared" si="1"/>
        <v>-5452.75</v>
      </c>
    </row>
    <row r="66" spans="1:4" x14ac:dyDescent="0.2">
      <c r="A66" s="5">
        <v>2022.1</v>
      </c>
      <c r="B66" s="6">
        <v>11013</v>
      </c>
      <c r="C66" s="12">
        <v>947</v>
      </c>
      <c r="D66" s="7">
        <f t="shared" si="1"/>
        <v>3053.5</v>
      </c>
    </row>
    <row r="67" spans="1:4" x14ac:dyDescent="0.2">
      <c r="A67" s="5">
        <v>2022.2</v>
      </c>
      <c r="B67" s="6">
        <v>10583</v>
      </c>
      <c r="C67" s="12">
        <v>7440</v>
      </c>
      <c r="D67" s="7">
        <f t="shared" si="1"/>
        <v>6756.75</v>
      </c>
    </row>
    <row r="68" spans="1:4" x14ac:dyDescent="0.2">
      <c r="A68" s="5">
        <v>2022.3</v>
      </c>
      <c r="B68" s="6">
        <v>13204</v>
      </c>
      <c r="C68" s="12">
        <v>2513</v>
      </c>
      <c r="D68" s="7">
        <f t="shared" si="1"/>
        <v>8351</v>
      </c>
    </row>
    <row r="69" spans="1:4" x14ac:dyDescent="0.2">
      <c r="A69" s="5">
        <v>2022.4</v>
      </c>
      <c r="B69" s="6">
        <v>8579</v>
      </c>
      <c r="C69" s="12">
        <v>-6527</v>
      </c>
      <c r="D69" s="7">
        <f t="shared" si="1"/>
        <v>1093.25</v>
      </c>
    </row>
    <row r="70" spans="1:4" x14ac:dyDescent="0.2">
      <c r="A70" s="5">
        <v>2023.1</v>
      </c>
      <c r="B70" s="6">
        <v>6636</v>
      </c>
      <c r="C70" s="12">
        <v>-15033</v>
      </c>
      <c r="D70" s="7">
        <f t="shared" si="1"/>
        <v>-2901.75</v>
      </c>
    </row>
    <row r="71" spans="1:4" x14ac:dyDescent="0.2">
      <c r="A71" s="5">
        <v>2023.2</v>
      </c>
      <c r="B71" s="6">
        <v>10046</v>
      </c>
      <c r="C71" s="12">
        <v>-7775</v>
      </c>
      <c r="D71" s="7">
        <f t="shared" si="1"/>
        <v>-6705.5</v>
      </c>
    </row>
    <row r="72" spans="1:4" x14ac:dyDescent="0.2">
      <c r="A72" s="5">
        <v>2023.3</v>
      </c>
      <c r="B72" s="6">
        <v>9175</v>
      </c>
      <c r="C72" s="12">
        <v>-3593</v>
      </c>
      <c r="D72" s="7">
        <f t="shared" si="1"/>
        <v>-8232</v>
      </c>
    </row>
    <row r="73" spans="1:4" x14ac:dyDescent="0.2">
      <c r="A73" s="5">
        <v>2023.4</v>
      </c>
      <c r="B73" s="6">
        <v>5805</v>
      </c>
      <c r="C73" s="12">
        <v>-2424</v>
      </c>
      <c r="D73" s="7">
        <f t="shared" si="1"/>
        <v>-7206.25</v>
      </c>
    </row>
    <row r="74" spans="1:4" x14ac:dyDescent="0.2">
      <c r="A74" s="5">
        <v>2024.1</v>
      </c>
      <c r="B74" s="6">
        <v>7660</v>
      </c>
      <c r="C74" s="12">
        <v>-10067</v>
      </c>
      <c r="D74" s="7">
        <f t="shared" si="1"/>
        <v>-5964.75</v>
      </c>
    </row>
    <row r="75" spans="1:4" x14ac:dyDescent="0.2">
      <c r="A75" s="5">
        <v>2024.2</v>
      </c>
      <c r="B75" s="6">
        <v>6133</v>
      </c>
      <c r="C75" s="12">
        <v>2460</v>
      </c>
      <c r="D75" s="7">
        <f t="shared" si="1"/>
        <v>-3406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Metadata/LabelInfo.xml><?xml version="1.0" encoding="utf-8"?>
<clbl:labelList xmlns:clbl="http://schemas.microsoft.com/office/2020/mipLabelMetadata">
  <clbl:label id="{a4033ad9-086f-4644-8250-c4b04e194685}" enabled="1" method="Privileged" siteId="{0159e9d0-09a0-4edf-96ba-a3deea363c2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4-06-03T15:08:36Z</dcterms:created>
  <dcterms:modified xsi:type="dcterms:W3CDTF">2024-08-22T20:06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